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1376\Documents\OneDrive - EDF\Le bureau\Projets\ENERCAL\Grande Terre\BESS Enercal\BESS Grande Terre CCTP\Cahier de vérification des performances système\"/>
    </mc:Choice>
  </mc:AlternateContent>
  <xr:revisionPtr revIDLastSave="0" documentId="13_ncr:1_{3E856BE9-090B-4410-A45C-21B0F5F70193}" xr6:coauthVersionLast="47" xr6:coauthVersionMax="47" xr10:uidLastSave="{00000000-0000-0000-0000-000000000000}"/>
  <bookViews>
    <workbookView xWindow="-108" yWindow="-108" windowWidth="23256" windowHeight="12576" xr2:uid="{8166C72F-05A7-4A51-9817-B1BDA784D987}"/>
  </bookViews>
  <sheets>
    <sheet name="Données Générales" sheetId="1" r:id="rId1"/>
    <sheet name="Diagramme PQ" sheetId="4" r:id="rId2"/>
    <sheet name="Rendement" sheetId="5" r:id="rId3"/>
    <sheet name="Manoeuvres" sheetId="7" r:id="rId4"/>
    <sheet name="Performances système" sheetId="6" r:id="rId5"/>
  </sheets>
  <definedNames>
    <definedName name="_Toc97201100" localSheetId="0">'Données Générales'!#REF!</definedName>
    <definedName name="_Toc97201100" localSheetId="3">Manoeuvres!#REF!</definedName>
    <definedName name="_Toc97201100" localSheetId="4">'Performances système'!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27" uniqueCount="171">
  <si>
    <t>-</t>
  </si>
  <si>
    <t>Unité</t>
  </si>
  <si>
    <t>Commentaires</t>
  </si>
  <si>
    <t>[A]</t>
  </si>
  <si>
    <t>[s]</t>
  </si>
  <si>
    <t>Donnée générales</t>
  </si>
  <si>
    <t>A.             </t>
  </si>
  <si>
    <t>A.2</t>
  </si>
  <si>
    <t>A.3</t>
  </si>
  <si>
    <t>A.4</t>
  </si>
  <si>
    <t>A.5</t>
  </si>
  <si>
    <t>A.6</t>
  </si>
  <si>
    <t>A.7</t>
  </si>
  <si>
    <t>A.8</t>
  </si>
  <si>
    <t>A.9</t>
  </si>
  <si>
    <t>A.10</t>
  </si>
  <si>
    <t>A.11</t>
  </si>
  <si>
    <t>A.12</t>
  </si>
  <si>
    <t>A.13</t>
  </si>
  <si>
    <t>A.14</t>
  </si>
  <si>
    <t>A.15</t>
  </si>
  <si>
    <t>A.16</t>
  </si>
  <si>
    <t>A.17</t>
  </si>
  <si>
    <t>B.             </t>
  </si>
  <si>
    <t>Qualité de l'énergie</t>
  </si>
  <si>
    <t>IEC/TR 61000-3-6</t>
  </si>
  <si>
    <t>Taux d'emission harmonique</t>
  </si>
  <si>
    <t>B.1</t>
  </si>
  <si>
    <t>[kV]</t>
  </si>
  <si>
    <t>Réglage primaire de fréquence</t>
  </si>
  <si>
    <t>consigne de puissance transmise par le Client en pilotage manuel</t>
  </si>
  <si>
    <t>consigne de puissance transmise par le Client en pilotage automatique</t>
  </si>
  <si>
    <t>consigne de participation au réglage secondaire de fréquence transmise par le client en pilotage automatique</t>
  </si>
  <si>
    <t>[%]</t>
  </si>
  <si>
    <t>Grid forming</t>
  </si>
  <si>
    <t>Grid following</t>
  </si>
  <si>
    <t>Réglage de tension</t>
  </si>
  <si>
    <t>Réglage de puissance reactive</t>
  </si>
  <si>
    <t>Performances de régulation</t>
  </si>
  <si>
    <t>Performances système</t>
  </si>
  <si>
    <t>[min]</t>
  </si>
  <si>
    <t>Précision de la mesure du SoC</t>
  </si>
  <si>
    <t>Précision de la mesure du SoH</t>
  </si>
  <si>
    <t>Valeur
à renseigner par le soumissionnaire</t>
  </si>
  <si>
    <t>Contraintes de fonctionnement</t>
  </si>
  <si>
    <t>[MW/s]</t>
  </si>
  <si>
    <t>Donnée requise au PDL</t>
  </si>
  <si>
    <t>Tableau de valeur sur toute la plage de SoC</t>
  </si>
  <si>
    <t>D.1</t>
  </si>
  <si>
    <t>C.1</t>
  </si>
  <si>
    <t>F.1</t>
  </si>
  <si>
    <t>D.2</t>
  </si>
  <si>
    <t>E.1</t>
  </si>
  <si>
    <t>E.2</t>
  </si>
  <si>
    <t>E.3</t>
  </si>
  <si>
    <t>G.1</t>
  </si>
  <si>
    <t>[MW]</t>
  </si>
  <si>
    <t>[MVA]
[s]</t>
  </si>
  <si>
    <t>[MVA]</t>
  </si>
  <si>
    <t>[MVAr]</t>
  </si>
  <si>
    <t>[MWh]</t>
  </si>
  <si>
    <t>Capacité de surcharge en puissance active temporaire
*Préciser la durée</t>
  </si>
  <si>
    <t>Capacité de surcharge en puissance apparente temporaire
*Préciser la durée</t>
  </si>
  <si>
    <t xml:space="preserve">Capacité de surcharge en puissance reactive sans limitation de durée 
</t>
  </si>
  <si>
    <t xml:space="preserve">Capacité de surcharge en puissance active sans limitation de durée </t>
  </si>
  <si>
    <t>Capacité de surcharge en puissance reactive temporaire 
*Préciser la durée</t>
  </si>
  <si>
    <t xml:space="preserve">Capacité de surcharge en puissance apparente sans limitation de durée </t>
  </si>
  <si>
    <t>[MW]
[s]</t>
  </si>
  <si>
    <t>[MVAr]
[s]</t>
  </si>
  <si>
    <t xml:space="preserve">[MVAr]
</t>
  </si>
  <si>
    <t>A.1</t>
  </si>
  <si>
    <t>[% ; %]</t>
  </si>
  <si>
    <t>Energie absorbable résiduelle [E_res_abs] dans la plage de SoC [SoC_derating_abs ; SoC_max_utilisable)</t>
  </si>
  <si>
    <t>Plage de dérating en absorption [SoC_derating_abs ; SoC_max_utilisable]</t>
  </si>
  <si>
    <t>Energie injectable résiduelle [E_res_inj] dans la plage de SoC [SoC_min_utilisable ; SoC_derating_inj)</t>
  </si>
  <si>
    <t>Plage de dérating en injection [SoC_min_utilisable] ; SoC_derating_inj]</t>
  </si>
  <si>
    <t>Nombre de cycles équivalents annuel garanti</t>
  </si>
  <si>
    <t>Donnée requise au PDL et garantie sur la durée de vie du contrat</t>
  </si>
  <si>
    <t>Puissance active maximale d'injection [Pmax_inj ]</t>
  </si>
  <si>
    <t xml:space="preserve">Puissance active maximale d'absorption [Pmax_abs] </t>
  </si>
  <si>
    <t>Energie maximale injectable [E_max_inj]</t>
  </si>
  <si>
    <t>A.18</t>
  </si>
  <si>
    <t>A.19</t>
  </si>
  <si>
    <t>A.20</t>
  </si>
  <si>
    <t>A.21</t>
  </si>
  <si>
    <t>Energie maximale absorbable [E_max_abs]</t>
  </si>
  <si>
    <t>Puissance réactive maximale d'injection [Qmax_inj ]</t>
  </si>
  <si>
    <t>Puissance réactive maximale d'absorption [Qmax_abs]</t>
  </si>
  <si>
    <t>Sn=√(Pmax_inj^2+Qmax_inj^2 )</t>
  </si>
  <si>
    <t>Puissance apparente nominale [Sn]</t>
  </si>
  <si>
    <t>Injection de courant de défaut maximal</t>
  </si>
  <si>
    <t>Dureée maximale d'injection de courant de défaut</t>
  </si>
  <si>
    <t>Energie déchargée au PDL entre SoC_derating_abs et SoC_derating_inj</t>
  </si>
  <si>
    <t>Energie soutirée du PDL entre SoC_derating_inj et SoC_derating_abs</t>
  </si>
  <si>
    <t>Courant maximal injecté par phase en défaut</t>
  </si>
  <si>
    <t>Diagramme PQ Pour Updl = 0,8 ; 0,87 ; 0,95 ; 1 ; 1,05 ; 1,14 ; 1,174]</t>
  </si>
  <si>
    <t>Tableaux de valeurs et graphiques superposées avec légende</t>
  </si>
  <si>
    <t>MW et Mvar</t>
  </si>
  <si>
    <t>Tableaux de valeurs et courbes</t>
  </si>
  <si>
    <t>%</t>
  </si>
  <si>
    <t>RTE garanti pour :
*chaque année du contrat
*un cycle de charge - décharge aux puissances actives suivantes (en absorption et injection) : 20%, 40%, 60%, 80%, 100%</t>
  </si>
  <si>
    <t>F.             </t>
  </si>
  <si>
    <t>F.2</t>
  </si>
  <si>
    <t>F.3</t>
  </si>
  <si>
    <t>F.4</t>
  </si>
  <si>
    <t>F.5</t>
  </si>
  <si>
    <t>F.6</t>
  </si>
  <si>
    <t>F.7</t>
  </si>
  <si>
    <t>F.8</t>
  </si>
  <si>
    <t>F.9</t>
  </si>
  <si>
    <t>F.10</t>
  </si>
  <si>
    <t>F.11</t>
  </si>
  <si>
    <t>F.12</t>
  </si>
  <si>
    <t>F.13</t>
  </si>
  <si>
    <t>F.14</t>
  </si>
  <si>
    <t>F.15</t>
  </si>
  <si>
    <t>F.16</t>
  </si>
  <si>
    <t>F.17</t>
  </si>
  <si>
    <t>F.18</t>
  </si>
  <si>
    <t>F.19</t>
  </si>
  <si>
    <t>F.20</t>
  </si>
  <si>
    <t>F.21</t>
  </si>
  <si>
    <t>F.22</t>
  </si>
  <si>
    <t>F.23</t>
  </si>
  <si>
    <t>F.24</t>
  </si>
  <si>
    <t>F.25</t>
  </si>
  <si>
    <t>F.26</t>
  </si>
  <si>
    <t>Durée maximale d’ilotage</t>
  </si>
  <si>
    <t>Consommation des auxiliaires</t>
  </si>
  <si>
    <t>kW</t>
  </si>
  <si>
    <t>Durée minimale d'îlotage</t>
  </si>
  <si>
    <t>*Durée maximale après laquelle l'installation ne peut plus se synchro-coupler au réseau
*l'installation alimente ses auxiliaires durant l'îlotage</t>
  </si>
  <si>
    <t>*Durée minimale avant laquelle l'installation ne peut pas se synchro-coupler
*l'installation alimente ses auxiliaires durant l'îlotage</t>
  </si>
  <si>
    <t>Îlotage</t>
  </si>
  <si>
    <t>Durée maximale de la séquence de synchro-couplage en état d'îlotage</t>
  </si>
  <si>
    <t>E.4</t>
  </si>
  <si>
    <t>E.5</t>
  </si>
  <si>
    <t>A partir de l'envoi de la commande par le Client</t>
  </si>
  <si>
    <t>Blackstart</t>
  </si>
  <si>
    <t>[s ; s]</t>
  </si>
  <si>
    <t>Durée minimale et maximale de la rampe de la séquence de blackstart</t>
  </si>
  <si>
    <t>Durée minimale et maximale de la séquence de blackstart</t>
  </si>
  <si>
    <t>Marche / Arrêt</t>
  </si>
  <si>
    <t>Délai maximal de découplage de l'installation du réseau après réception de la commande d'arrêt envoyée par le Client</t>
  </si>
  <si>
    <t>Délai maximal de synchro-couplage de l'installation du réseau après réception de la commande de marche envoyée par le Client</t>
  </si>
  <si>
    <t>Consignes P/Q/U</t>
  </si>
  <si>
    <t xml:space="preserve">
'[MW/mn ; MW/mn]
'[MW/mn ; MW/mn]</t>
  </si>
  <si>
    <t>Plages de limitation de vitesse de variation de Parbitrage
*Limitation positive
Limitation négative</t>
  </si>
  <si>
    <t>Plage de limitation de vitesse de variation de Pmanu
*Limitation positive
Limitation négative</t>
  </si>
  <si>
    <t>Plage de limitation de vitesse de variation de Pf2
*Limitation positive
Limitation négative</t>
  </si>
  <si>
    <t xml:space="preserve">
'[pu/s]
'[pu/s]</t>
  </si>
  <si>
    <t>Erreur statique maximale dela régulation de puissance active</t>
  </si>
  <si>
    <t>Erreur statique maximale de la régulation de tension</t>
  </si>
  <si>
    <t>Erreur statique maximale de la régulation de puissance réactive</t>
  </si>
  <si>
    <t>Plages de limitation de vitesse de variation de la tension [Ucons]
*Limitation positive
*Limitation négative</t>
  </si>
  <si>
    <t>Limite de vitesse de variation de puissance réactive [Qcons]
*Limitation positive
*Limitation négative</t>
  </si>
  <si>
    <t xml:space="preserve">
'[MVar/s]
'[MVar/s]</t>
  </si>
  <si>
    <t>consigne de tension transmise par le Client</t>
  </si>
  <si>
    <t>consigne de puissance transmise par le Client</t>
  </si>
  <si>
    <t>Plages des paramètres de la caractéristique du réglage primaire de fréquence P1(f)</t>
  </si>
  <si>
    <t>[MW] ; [Hz]</t>
  </si>
  <si>
    <t>Plage de réglage du dépassement maximal Dmax</t>
  </si>
  <si>
    <t>Plage de réglage du temps de montée   tm</t>
  </si>
  <si>
    <t>Plage de réglage du temps de réponse à 5%  tr5%</t>
  </si>
  <si>
    <t>Plage de réglage de la constante de temps du filtre passe bas</t>
  </si>
  <si>
    <r>
      <t xml:space="preserve">Plages des paramètres de la caractéristique du réglage primaire de tension </t>
    </r>
    <r>
      <rPr>
        <sz val="10"/>
        <color rgb="FF000000"/>
        <rFont val="High Tower Text"/>
        <family val="1"/>
      </rPr>
      <t>ΔU</t>
    </r>
    <r>
      <rPr>
        <sz val="6.3"/>
        <color rgb="FF000000"/>
        <rFont val="Arial"/>
        <family val="2"/>
      </rPr>
      <t>ref(Q)</t>
    </r>
  </si>
  <si>
    <t>[Mvar ; kV]</t>
  </si>
  <si>
    <t>Plages des paramètres de la caractéristique du réglage de puissance réactive ΔQref(U)</t>
  </si>
  <si>
    <t>F.27</t>
  </si>
  <si>
    <t>G.           </t>
  </si>
  <si>
    <t>G.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sz val="8"/>
      <name val="Calibri"/>
      <family val="2"/>
      <scheme val="minor"/>
    </font>
    <font>
      <sz val="10"/>
      <color rgb="FF000000"/>
      <name val="High Tower Text"/>
      <family val="1"/>
    </font>
    <font>
      <sz val="6.3"/>
      <color rgb="FF000000"/>
      <name val="Arial"/>
      <family val="2"/>
    </font>
    <font>
      <sz val="11"/>
      <color rgb="FFFF0000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7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2" tint="-9.9978637043366805E-2"/>
        <bgColor indexed="64"/>
      </patternFill>
    </fill>
  </fills>
  <borders count="1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52">
    <xf numFmtId="0" fontId="0" fillId="0" borderId="0" xfId="0"/>
    <xf numFmtId="0" fontId="3" fillId="0" borderId="1" xfId="0" applyFont="1" applyBorder="1" applyAlignment="1">
      <alignment horizontal="left" vertical="center" wrapText="1" indent="1"/>
    </xf>
    <xf numFmtId="0" fontId="3" fillId="0" borderId="2" xfId="0" applyFont="1" applyBorder="1" applyAlignment="1">
      <alignment horizontal="justify" vertical="center" wrapText="1"/>
    </xf>
    <xf numFmtId="0" fontId="3" fillId="0" borderId="3" xfId="0" applyFont="1" applyBorder="1" applyAlignment="1">
      <alignment horizontal="left" vertical="center" wrapText="1" indent="1"/>
    </xf>
    <xf numFmtId="0" fontId="3" fillId="0" borderId="4" xfId="0" applyFont="1" applyBorder="1" applyAlignment="1">
      <alignment horizontal="justify" vertical="center" wrapText="1"/>
    </xf>
    <xf numFmtId="0" fontId="2" fillId="0" borderId="4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2" fillId="0" borderId="0" xfId="0" applyFont="1" applyAlignment="1">
      <alignment horizontal="justify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2" xfId="0" quotePrefix="1" applyFont="1" applyBorder="1" applyAlignment="1">
      <alignment horizontal="center" vertical="center" wrapText="1"/>
    </xf>
    <xf numFmtId="0" fontId="3" fillId="0" borderId="4" xfId="0" quotePrefix="1" applyFont="1" applyBorder="1" applyAlignment="1">
      <alignment horizontal="center" vertical="center" wrapText="1"/>
    </xf>
    <xf numFmtId="0" fontId="0" fillId="0" borderId="5" xfId="0" applyBorder="1"/>
    <xf numFmtId="0" fontId="0" fillId="0" borderId="1" xfId="0" applyBorder="1"/>
    <xf numFmtId="0" fontId="1" fillId="0" borderId="1" xfId="0" applyFont="1" applyBorder="1" applyAlignment="1">
      <alignment horizontal="center"/>
    </xf>
    <xf numFmtId="0" fontId="1" fillId="2" borderId="1" xfId="0" applyFont="1" applyFill="1" applyBorder="1"/>
    <xf numFmtId="0" fontId="0" fillId="2" borderId="1" xfId="0" applyFill="1" applyBorder="1"/>
    <xf numFmtId="0" fontId="3" fillId="2" borderId="4" xfId="0" quotePrefix="1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justify" vertical="center" wrapText="1"/>
    </xf>
    <xf numFmtId="0" fontId="3" fillId="3" borderId="4" xfId="0" quotePrefix="1" applyFont="1" applyFill="1" applyBorder="1" applyAlignment="1">
      <alignment horizontal="center" vertical="center" wrapText="1"/>
    </xf>
    <xf numFmtId="0" fontId="2" fillId="3" borderId="4" xfId="0" applyFont="1" applyFill="1" applyBorder="1" applyAlignment="1">
      <alignment horizontal="center" vertical="center" wrapText="1"/>
    </xf>
    <xf numFmtId="0" fontId="0" fillId="0" borderId="0" xfId="0" applyAlignment="1">
      <alignment horizontal="center"/>
    </xf>
    <xf numFmtId="0" fontId="0" fillId="2" borderId="1" xfId="0" applyFill="1" applyBorder="1" applyAlignment="1">
      <alignment horizontal="center"/>
    </xf>
    <xf numFmtId="0" fontId="3" fillId="2" borderId="4" xfId="0" applyFont="1" applyFill="1" applyBorder="1" applyAlignment="1">
      <alignment horizontal="center" vertical="center" wrapText="1"/>
    </xf>
    <xf numFmtId="0" fontId="3" fillId="3" borderId="4" xfId="0" applyFont="1" applyFill="1" applyBorder="1" applyAlignment="1">
      <alignment horizontal="center" vertical="center" wrapText="1"/>
    </xf>
    <xf numFmtId="0" fontId="0" fillId="4" borderId="1" xfId="0" applyFill="1" applyBorder="1"/>
    <xf numFmtId="0" fontId="3" fillId="5" borderId="4" xfId="0" applyFont="1" applyFill="1" applyBorder="1" applyAlignment="1">
      <alignment horizontal="justify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4" xfId="0" quotePrefix="1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1" fillId="0" borderId="1" xfId="0" applyFont="1" applyBorder="1" applyAlignment="1">
      <alignment horizontal="center" wrapText="1"/>
    </xf>
    <xf numFmtId="0" fontId="0" fillId="0" borderId="0" xfId="0" applyFill="1"/>
    <xf numFmtId="0" fontId="0" fillId="0" borderId="6" xfId="0" applyFill="1" applyBorder="1" applyAlignment="1">
      <alignment vertical="center"/>
    </xf>
    <xf numFmtId="0" fontId="7" fillId="0" borderId="0" xfId="0" applyFont="1"/>
    <xf numFmtId="0" fontId="3" fillId="0" borderId="8" xfId="0" quotePrefix="1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3" fillId="0" borderId="7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top" wrapText="1"/>
    </xf>
    <xf numFmtId="0" fontId="0" fillId="0" borderId="1" xfId="0" applyBorder="1" applyAlignment="1">
      <alignment horizontal="left" vertical="top"/>
    </xf>
    <xf numFmtId="0" fontId="0" fillId="0" borderId="5" xfId="0" applyBorder="1" applyAlignment="1">
      <alignment vertical="center"/>
    </xf>
    <xf numFmtId="0" fontId="1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 wrapText="1"/>
    </xf>
    <xf numFmtId="0" fontId="0" fillId="0" borderId="4" xfId="0" applyFont="1" applyBorder="1" applyAlignment="1">
      <alignment horizontal="left" vertical="center"/>
    </xf>
    <xf numFmtId="0" fontId="1" fillId="0" borderId="4" xfId="0" applyFont="1" applyBorder="1" applyAlignment="1">
      <alignment horizontal="center" vertical="center" wrapText="1"/>
    </xf>
    <xf numFmtId="0" fontId="0" fillId="0" borderId="4" xfId="0" applyFont="1" applyBorder="1" applyAlignment="1">
      <alignment horizontal="center" vertical="center" wrapText="1"/>
    </xf>
    <xf numFmtId="0" fontId="0" fillId="0" borderId="6" xfId="0" applyBorder="1" applyAlignment="1"/>
    <xf numFmtId="0" fontId="0" fillId="0" borderId="4" xfId="0" applyFont="1" applyBorder="1" applyAlignment="1">
      <alignment horizontal="left" vertical="center" wrapText="1"/>
    </xf>
    <xf numFmtId="0" fontId="0" fillId="0" borderId="4" xfId="0" quotePrefix="1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555935-A00B-402D-9DA1-1BE2A260C76B}">
  <dimension ref="A1:E30"/>
  <sheetViews>
    <sheetView tabSelected="1" zoomScale="63" zoomScaleNormal="98" workbookViewId="0">
      <selection activeCell="G10" sqref="G10"/>
    </sheetView>
  </sheetViews>
  <sheetFormatPr baseColWidth="10" defaultRowHeight="14.4" x14ac:dyDescent="0.3"/>
  <cols>
    <col min="2" max="2" width="101.33203125" bestFit="1" customWidth="1"/>
    <col min="3" max="3" width="33.109375" customWidth="1"/>
    <col min="4" max="4" width="34.21875" customWidth="1"/>
    <col min="5" max="5" width="38.5546875" style="21" bestFit="1" customWidth="1"/>
    <col min="6" max="6" width="54.21875" customWidth="1"/>
    <col min="7" max="7" width="21.77734375" customWidth="1"/>
  </cols>
  <sheetData>
    <row r="1" spans="1:5" ht="15" thickBot="1" x14ac:dyDescent="0.35"/>
    <row r="2" spans="1:5" ht="29.4" thickBot="1" x14ac:dyDescent="0.35">
      <c r="A2" s="11"/>
      <c r="B2" s="13" t="s">
        <v>77</v>
      </c>
      <c r="C2" s="13" t="s">
        <v>1</v>
      </c>
      <c r="D2" s="30" t="s">
        <v>43</v>
      </c>
      <c r="E2" s="13" t="s">
        <v>2</v>
      </c>
    </row>
    <row r="3" spans="1:5" ht="15" thickBot="1" x14ac:dyDescent="0.35">
      <c r="A3" s="25" t="s">
        <v>6</v>
      </c>
      <c r="B3" s="14" t="s">
        <v>5</v>
      </c>
      <c r="C3" s="15"/>
      <c r="D3" s="15"/>
      <c r="E3" s="22"/>
    </row>
    <row r="4" spans="1:5" ht="31.05" customHeight="1" thickBot="1" x14ac:dyDescent="0.35">
      <c r="A4" s="1" t="s">
        <v>70</v>
      </c>
      <c r="B4" s="4" t="s">
        <v>78</v>
      </c>
      <c r="C4" s="8" t="s">
        <v>56</v>
      </c>
      <c r="D4" s="2"/>
      <c r="E4" s="8"/>
    </row>
    <row r="5" spans="1:5" ht="15" thickBot="1" x14ac:dyDescent="0.35">
      <c r="A5" s="1" t="s">
        <v>7</v>
      </c>
      <c r="B5" s="4" t="s">
        <v>79</v>
      </c>
      <c r="C5" s="8" t="s">
        <v>56</v>
      </c>
      <c r="D5" s="2"/>
      <c r="E5" s="8"/>
    </row>
    <row r="6" spans="1:5" ht="37.799999999999997" customHeight="1" thickBot="1" x14ac:dyDescent="0.35">
      <c r="A6" s="1" t="s">
        <v>8</v>
      </c>
      <c r="B6" s="4" t="s">
        <v>80</v>
      </c>
      <c r="C6" s="8" t="s">
        <v>60</v>
      </c>
      <c r="D6" s="2"/>
      <c r="E6" s="8" t="s">
        <v>92</v>
      </c>
    </row>
    <row r="7" spans="1:5" ht="37.799999999999997" customHeight="1" thickBot="1" x14ac:dyDescent="0.35">
      <c r="A7" s="1" t="s">
        <v>9</v>
      </c>
      <c r="B7" s="4" t="s">
        <v>85</v>
      </c>
      <c r="C7" s="8" t="s">
        <v>60</v>
      </c>
      <c r="D7" s="2"/>
      <c r="E7" s="8" t="s">
        <v>93</v>
      </c>
    </row>
    <row r="8" spans="1:5" ht="31.8" customHeight="1" thickBot="1" x14ac:dyDescent="0.35">
      <c r="A8" s="1" t="s">
        <v>10</v>
      </c>
      <c r="B8" s="4" t="s">
        <v>74</v>
      </c>
      <c r="C8" s="8" t="s">
        <v>60</v>
      </c>
      <c r="D8" s="2"/>
      <c r="E8" s="8"/>
    </row>
    <row r="9" spans="1:5" ht="25.2" customHeight="1" thickBot="1" x14ac:dyDescent="0.35">
      <c r="A9" s="1" t="s">
        <v>11</v>
      </c>
      <c r="B9" s="4" t="s">
        <v>75</v>
      </c>
      <c r="C9" s="8" t="s">
        <v>71</v>
      </c>
      <c r="D9" s="2"/>
      <c r="E9" s="8"/>
    </row>
    <row r="10" spans="1:5" ht="33.6" customHeight="1" thickBot="1" x14ac:dyDescent="0.35">
      <c r="A10" s="1" t="s">
        <v>12</v>
      </c>
      <c r="B10" s="4" t="s">
        <v>72</v>
      </c>
      <c r="C10" s="8" t="s">
        <v>60</v>
      </c>
      <c r="D10" s="2"/>
      <c r="E10" s="8"/>
    </row>
    <row r="11" spans="1:5" ht="29.4" customHeight="1" thickBot="1" x14ac:dyDescent="0.35">
      <c r="A11" s="1" t="s">
        <v>13</v>
      </c>
      <c r="B11" s="4" t="s">
        <v>73</v>
      </c>
      <c r="C11" s="8" t="s">
        <v>71</v>
      </c>
      <c r="D11" s="2"/>
      <c r="E11" s="8"/>
    </row>
    <row r="12" spans="1:5" ht="33" customHeight="1" thickBot="1" x14ac:dyDescent="0.35">
      <c r="A12" s="1" t="s">
        <v>14</v>
      </c>
      <c r="B12" s="4" t="s">
        <v>76</v>
      </c>
      <c r="C12" s="8"/>
      <c r="D12" s="2"/>
      <c r="E12" s="8"/>
    </row>
    <row r="13" spans="1:5" ht="31.5" customHeight="1" thickBot="1" x14ac:dyDescent="0.35">
      <c r="A13" s="1" t="s">
        <v>15</v>
      </c>
      <c r="B13" s="4" t="s">
        <v>86</v>
      </c>
      <c r="C13" s="8" t="s">
        <v>59</v>
      </c>
      <c r="D13" s="2"/>
      <c r="E13" s="8"/>
    </row>
    <row r="14" spans="1:5" ht="34.049999999999997" customHeight="1" thickBot="1" x14ac:dyDescent="0.35">
      <c r="A14" s="1" t="s">
        <v>16</v>
      </c>
      <c r="B14" s="4" t="s">
        <v>87</v>
      </c>
      <c r="C14" s="8" t="s">
        <v>59</v>
      </c>
      <c r="D14" s="2"/>
      <c r="E14" s="8"/>
    </row>
    <row r="15" spans="1:5" ht="18.600000000000001" customHeight="1" thickBot="1" x14ac:dyDescent="0.35">
      <c r="A15" s="1" t="s">
        <v>17</v>
      </c>
      <c r="B15" s="4" t="s">
        <v>89</v>
      </c>
      <c r="C15" s="8" t="s">
        <v>58</v>
      </c>
      <c r="D15" s="2"/>
      <c r="E15" s="8" t="s">
        <v>88</v>
      </c>
    </row>
    <row r="16" spans="1:5" ht="34.200000000000003" customHeight="1" thickBot="1" x14ac:dyDescent="0.35">
      <c r="A16" s="1" t="s">
        <v>18</v>
      </c>
      <c r="B16" s="4" t="s">
        <v>90</v>
      </c>
      <c r="C16" s="8" t="s">
        <v>3</v>
      </c>
      <c r="D16" s="2"/>
      <c r="E16" s="8" t="s">
        <v>94</v>
      </c>
    </row>
    <row r="17" spans="1:5" ht="15" thickBot="1" x14ac:dyDescent="0.35">
      <c r="A17" s="1" t="s">
        <v>19</v>
      </c>
      <c r="B17" s="4" t="s">
        <v>91</v>
      </c>
      <c r="C17" s="8" t="s">
        <v>4</v>
      </c>
      <c r="D17" s="2"/>
      <c r="E17" s="8"/>
    </row>
    <row r="18" spans="1:5" ht="15" thickBot="1" x14ac:dyDescent="0.35">
      <c r="A18" s="1" t="s">
        <v>20</v>
      </c>
      <c r="B18" s="4" t="s">
        <v>64</v>
      </c>
      <c r="C18" s="8" t="s">
        <v>56</v>
      </c>
      <c r="D18" s="2"/>
      <c r="E18" s="8"/>
    </row>
    <row r="19" spans="1:5" ht="27" thickBot="1" x14ac:dyDescent="0.35">
      <c r="A19" s="1" t="s">
        <v>21</v>
      </c>
      <c r="B19" s="4" t="s">
        <v>61</v>
      </c>
      <c r="C19" s="8" t="s">
        <v>67</v>
      </c>
      <c r="D19" s="2"/>
      <c r="E19" s="8"/>
    </row>
    <row r="20" spans="1:5" ht="27" thickBot="1" x14ac:dyDescent="0.35">
      <c r="A20" s="1" t="s">
        <v>22</v>
      </c>
      <c r="B20" s="4" t="s">
        <v>63</v>
      </c>
      <c r="C20" s="8" t="s">
        <v>69</v>
      </c>
      <c r="D20" s="2"/>
      <c r="E20" s="8"/>
    </row>
    <row r="21" spans="1:5" ht="27" thickBot="1" x14ac:dyDescent="0.35">
      <c r="A21" s="1" t="s">
        <v>81</v>
      </c>
      <c r="B21" s="4" t="s">
        <v>65</v>
      </c>
      <c r="C21" s="8" t="s">
        <v>68</v>
      </c>
      <c r="D21" s="2"/>
      <c r="E21" s="8"/>
    </row>
    <row r="22" spans="1:5" ht="15" thickBot="1" x14ac:dyDescent="0.35">
      <c r="A22" s="1" t="s">
        <v>82</v>
      </c>
      <c r="B22" s="4" t="s">
        <v>66</v>
      </c>
      <c r="C22" s="8" t="s">
        <v>58</v>
      </c>
      <c r="D22" s="2"/>
      <c r="E22" s="8"/>
    </row>
    <row r="23" spans="1:5" ht="27" thickBot="1" x14ac:dyDescent="0.35">
      <c r="A23" s="1" t="s">
        <v>83</v>
      </c>
      <c r="B23" s="4" t="s">
        <v>62</v>
      </c>
      <c r="C23" s="8" t="s">
        <v>57</v>
      </c>
      <c r="D23" s="2"/>
      <c r="E23" s="8"/>
    </row>
    <row r="24" spans="1:5" ht="15" thickBot="1" x14ac:dyDescent="0.35">
      <c r="A24" s="1" t="s">
        <v>84</v>
      </c>
      <c r="B24" s="4" t="s">
        <v>44</v>
      </c>
      <c r="C24" s="9"/>
      <c r="D24" s="2"/>
      <c r="E24" s="9" t="s">
        <v>0</v>
      </c>
    </row>
    <row r="25" spans="1:5" ht="15" thickBot="1" x14ac:dyDescent="0.35">
      <c r="A25" s="25" t="s">
        <v>23</v>
      </c>
      <c r="B25" s="14" t="s">
        <v>24</v>
      </c>
      <c r="C25" s="16"/>
      <c r="D25" s="17"/>
      <c r="E25" s="23"/>
    </row>
    <row r="26" spans="1:5" ht="15" thickBot="1" x14ac:dyDescent="0.35">
      <c r="A26" s="3" t="s">
        <v>27</v>
      </c>
      <c r="B26" s="4" t="s">
        <v>26</v>
      </c>
      <c r="C26" s="10" t="s">
        <v>28</v>
      </c>
      <c r="D26" s="5"/>
      <c r="E26" s="6" t="s">
        <v>25</v>
      </c>
    </row>
    <row r="27" spans="1:5" ht="15" thickBot="1" x14ac:dyDescent="0.35">
      <c r="A27" s="3"/>
      <c r="B27" s="4"/>
      <c r="C27" s="10"/>
      <c r="D27" s="5"/>
      <c r="E27" s="6"/>
    </row>
    <row r="28" spans="1:5" ht="15" thickBot="1" x14ac:dyDescent="0.35">
      <c r="A28" s="3"/>
      <c r="B28" s="4"/>
      <c r="C28" s="10"/>
      <c r="D28" s="5"/>
      <c r="E28" s="6"/>
    </row>
    <row r="29" spans="1:5" x14ac:dyDescent="0.3">
      <c r="A29" s="7"/>
    </row>
    <row r="30" spans="1:5" x14ac:dyDescent="0.3">
      <c r="A30" s="7"/>
    </row>
  </sheetData>
  <phoneticPr fontId="4" type="noConversion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77CA68-D870-4E53-9AC8-4D4B76B935ED}">
  <dimension ref="A1:I11"/>
  <sheetViews>
    <sheetView workbookViewId="0">
      <selection activeCell="B12" sqref="B12"/>
    </sheetView>
  </sheetViews>
  <sheetFormatPr baseColWidth="10" defaultRowHeight="14.4" x14ac:dyDescent="0.3"/>
  <cols>
    <col min="2" max="2" width="55.5546875" bestFit="1" customWidth="1"/>
    <col min="3" max="3" width="13.109375" bestFit="1" customWidth="1"/>
    <col min="4" max="4" width="12.109375" customWidth="1"/>
    <col min="5" max="5" width="18.109375" customWidth="1"/>
  </cols>
  <sheetData>
    <row r="1" spans="1:9" ht="15" thickBot="1" x14ac:dyDescent="0.35"/>
    <row r="2" spans="1:9" ht="15" thickBot="1" x14ac:dyDescent="0.35">
      <c r="B2" s="13" t="s">
        <v>77</v>
      </c>
      <c r="C2" s="13" t="s">
        <v>2</v>
      </c>
      <c r="D2" s="13" t="s">
        <v>1</v>
      </c>
    </row>
    <row r="3" spans="1:9" ht="66.599999999999994" thickBot="1" x14ac:dyDescent="0.35">
      <c r="A3" s="1" t="s">
        <v>49</v>
      </c>
      <c r="B3" s="4" t="s">
        <v>95</v>
      </c>
      <c r="C3" s="6" t="s">
        <v>96</v>
      </c>
      <c r="D3" s="9" t="s">
        <v>97</v>
      </c>
    </row>
    <row r="11" spans="1:9" x14ac:dyDescent="0.3">
      <c r="I11" s="33"/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A5E36A-99A7-4AB3-B78B-DA5578ABC861}">
  <dimension ref="A1:D7"/>
  <sheetViews>
    <sheetView workbookViewId="0">
      <selection activeCell="B19" sqref="B19"/>
    </sheetView>
  </sheetViews>
  <sheetFormatPr baseColWidth="10" defaultRowHeight="14.4" x14ac:dyDescent="0.3"/>
  <cols>
    <col min="2" max="2" width="55.5546875" bestFit="1" customWidth="1"/>
    <col min="3" max="3" width="13.109375" bestFit="1" customWidth="1"/>
  </cols>
  <sheetData>
    <row r="1" spans="1:4" ht="15" thickBot="1" x14ac:dyDescent="0.35"/>
    <row r="2" spans="1:4" ht="15" thickBot="1" x14ac:dyDescent="0.35">
      <c r="A2" s="38"/>
      <c r="B2" s="37" t="s">
        <v>77</v>
      </c>
      <c r="C2" s="37" t="s">
        <v>2</v>
      </c>
      <c r="D2" s="37" t="s">
        <v>1</v>
      </c>
    </row>
    <row r="3" spans="1:4" ht="53.4" thickBot="1" x14ac:dyDescent="0.35">
      <c r="A3" s="39" t="s">
        <v>48</v>
      </c>
      <c r="B3" s="41" t="s">
        <v>100</v>
      </c>
      <c r="C3" s="35" t="s">
        <v>98</v>
      </c>
      <c r="D3" s="34" t="s">
        <v>99</v>
      </c>
    </row>
    <row r="4" spans="1:4" ht="15" thickBot="1" x14ac:dyDescent="0.35">
      <c r="A4" s="40" t="s">
        <v>51</v>
      </c>
      <c r="B4" s="42" t="s">
        <v>128</v>
      </c>
      <c r="C4" s="36"/>
      <c r="D4" s="36" t="s">
        <v>129</v>
      </c>
    </row>
    <row r="7" spans="1:4" x14ac:dyDescent="0.3">
      <c r="A7" s="33"/>
    </row>
  </sheetData>
  <phoneticPr fontId="4" type="noConversion"/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6E30C-462F-4409-B2E6-6FC4017F1C2C}">
  <dimension ref="A1:F28"/>
  <sheetViews>
    <sheetView zoomScale="68" zoomScaleNormal="98" workbookViewId="0">
      <selection activeCell="B22" sqref="B22"/>
    </sheetView>
  </sheetViews>
  <sheetFormatPr baseColWidth="10" defaultRowHeight="14.4" x14ac:dyDescent="0.3"/>
  <cols>
    <col min="2" max="2" width="69" customWidth="1"/>
    <col min="3" max="3" width="33.109375" customWidth="1"/>
    <col min="4" max="4" width="34.21875" customWidth="1"/>
    <col min="5" max="5" width="64.21875" style="21" customWidth="1"/>
    <col min="6" max="6" width="54.21875" customWidth="1"/>
    <col min="7" max="7" width="21.77734375" customWidth="1"/>
  </cols>
  <sheetData>
    <row r="1" spans="1:6" ht="15" thickBot="1" x14ac:dyDescent="0.35"/>
    <row r="2" spans="1:6" ht="30" customHeight="1" thickBot="1" x14ac:dyDescent="0.35">
      <c r="A2" s="43"/>
      <c r="B2" s="37" t="s">
        <v>77</v>
      </c>
      <c r="C2" s="37" t="s">
        <v>1</v>
      </c>
      <c r="D2" s="44" t="s">
        <v>43</v>
      </c>
      <c r="E2" s="37" t="s">
        <v>2</v>
      </c>
    </row>
    <row r="3" spans="1:6" ht="15" thickBot="1" x14ac:dyDescent="0.35">
      <c r="A3" s="3"/>
      <c r="B3" s="18" t="s">
        <v>142</v>
      </c>
      <c r="C3" s="24"/>
      <c r="D3" s="19"/>
      <c r="E3" s="20"/>
    </row>
    <row r="4" spans="1:6" ht="49.8" customHeight="1" thickBot="1" x14ac:dyDescent="0.35">
      <c r="A4" s="45" t="s">
        <v>52</v>
      </c>
      <c r="B4" s="50" t="s">
        <v>143</v>
      </c>
      <c r="C4" s="51" t="s">
        <v>4</v>
      </c>
      <c r="D4" s="47"/>
      <c r="E4" s="48"/>
    </row>
    <row r="5" spans="1:6" ht="49.8" customHeight="1" thickBot="1" x14ac:dyDescent="0.35">
      <c r="A5" s="45" t="s">
        <v>53</v>
      </c>
      <c r="B5" s="50" t="s">
        <v>144</v>
      </c>
      <c r="C5" s="51" t="s">
        <v>4</v>
      </c>
      <c r="D5" s="47"/>
      <c r="E5" s="48"/>
    </row>
    <row r="6" spans="1:6" ht="15" thickBot="1" x14ac:dyDescent="0.35">
      <c r="A6" s="3"/>
      <c r="B6" s="18" t="s">
        <v>133</v>
      </c>
      <c r="C6" s="24"/>
      <c r="D6" s="19"/>
      <c r="E6" s="20"/>
    </row>
    <row r="7" spans="1:6" ht="46.2" customHeight="1" thickBot="1" x14ac:dyDescent="0.35">
      <c r="A7" s="45" t="s">
        <v>54</v>
      </c>
      <c r="B7" s="46" t="s">
        <v>130</v>
      </c>
      <c r="C7" s="51" t="s">
        <v>40</v>
      </c>
      <c r="D7" s="47"/>
      <c r="E7" s="48" t="s">
        <v>132</v>
      </c>
    </row>
    <row r="8" spans="1:6" ht="40.200000000000003" thickBot="1" x14ac:dyDescent="0.35">
      <c r="A8" s="45" t="s">
        <v>135</v>
      </c>
      <c r="B8" s="4" t="s">
        <v>127</v>
      </c>
      <c r="C8" s="10" t="s">
        <v>40</v>
      </c>
      <c r="D8" s="10"/>
      <c r="E8" s="5" t="s">
        <v>131</v>
      </c>
    </row>
    <row r="9" spans="1:6" ht="28.05" customHeight="1" thickBot="1" x14ac:dyDescent="0.35">
      <c r="A9" s="45" t="s">
        <v>136</v>
      </c>
      <c r="B9" s="4" t="s">
        <v>134</v>
      </c>
      <c r="C9" s="10" t="s">
        <v>4</v>
      </c>
      <c r="D9" s="10"/>
      <c r="E9" s="5" t="s">
        <v>137</v>
      </c>
      <c r="F9" s="49"/>
    </row>
    <row r="13" spans="1:6" x14ac:dyDescent="0.3">
      <c r="E13"/>
    </row>
    <row r="14" spans="1:6" x14ac:dyDescent="0.3">
      <c r="A14" s="7"/>
    </row>
    <row r="15" spans="1:6" x14ac:dyDescent="0.3">
      <c r="A15" s="7"/>
    </row>
    <row r="19" spans="5:6" ht="27" customHeight="1" x14ac:dyDescent="0.3">
      <c r="E19"/>
    </row>
    <row r="20" spans="5:6" ht="27" customHeight="1" x14ac:dyDescent="0.3">
      <c r="E20"/>
    </row>
    <row r="21" spans="5:6" ht="34.5" customHeight="1" x14ac:dyDescent="0.3">
      <c r="E21"/>
    </row>
    <row r="22" spans="5:6" ht="28.05" customHeight="1" x14ac:dyDescent="0.3">
      <c r="E22"/>
    </row>
    <row r="23" spans="5:6" x14ac:dyDescent="0.3">
      <c r="E23"/>
    </row>
    <row r="24" spans="5:6" x14ac:dyDescent="0.3">
      <c r="E24"/>
    </row>
    <row r="25" spans="5:6" ht="25.5" customHeight="1" x14ac:dyDescent="0.3">
      <c r="E25"/>
    </row>
    <row r="26" spans="5:6" x14ac:dyDescent="0.3">
      <c r="E26"/>
    </row>
    <row r="27" spans="5:6" x14ac:dyDescent="0.3">
      <c r="F27" s="21"/>
    </row>
    <row r="28" spans="5:6" x14ac:dyDescent="0.3">
      <c r="E28"/>
    </row>
  </sheetData>
  <phoneticPr fontId="4" type="noConversion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629311-E199-450E-ABEA-74EEF6686B05}">
  <dimension ref="A1:F51"/>
  <sheetViews>
    <sheetView topLeftCell="A20" zoomScale="63" zoomScaleNormal="98" workbookViewId="0">
      <selection activeCell="I32" sqref="I32"/>
    </sheetView>
  </sheetViews>
  <sheetFormatPr baseColWidth="10" defaultRowHeight="14.4" x14ac:dyDescent="0.3"/>
  <cols>
    <col min="2" max="2" width="41.88671875" customWidth="1"/>
    <col min="3" max="3" width="33.109375" customWidth="1"/>
    <col min="4" max="4" width="34.21875" customWidth="1"/>
    <col min="5" max="5" width="36.33203125" style="21" customWidth="1"/>
    <col min="6" max="6" width="54.21875" customWidth="1"/>
    <col min="7" max="7" width="21.77734375" customWidth="1"/>
  </cols>
  <sheetData>
    <row r="1" spans="1:6" ht="15" thickBot="1" x14ac:dyDescent="0.35">
      <c r="F1" s="31"/>
    </row>
    <row r="2" spans="1:6" ht="29.4" thickBot="1" x14ac:dyDescent="0.35">
      <c r="A2" s="11"/>
      <c r="B2" s="13" t="s">
        <v>46</v>
      </c>
      <c r="C2" s="13" t="s">
        <v>1</v>
      </c>
      <c r="D2" s="30" t="s">
        <v>43</v>
      </c>
      <c r="E2" s="13" t="s">
        <v>2</v>
      </c>
      <c r="F2" s="31"/>
    </row>
    <row r="3" spans="1:6" ht="15" thickBot="1" x14ac:dyDescent="0.35">
      <c r="A3" s="25" t="s">
        <v>101</v>
      </c>
      <c r="B3" s="14" t="s">
        <v>38</v>
      </c>
      <c r="C3" s="16"/>
      <c r="D3" s="17"/>
      <c r="E3" s="23"/>
      <c r="F3" s="32"/>
    </row>
    <row r="4" spans="1:6" ht="15" thickBot="1" x14ac:dyDescent="0.35">
      <c r="A4" s="12"/>
      <c r="B4" s="18" t="s">
        <v>145</v>
      </c>
      <c r="C4" s="19"/>
      <c r="D4" s="20"/>
      <c r="E4" s="24"/>
      <c r="F4" s="32"/>
    </row>
    <row r="5" spans="1:6" ht="66" customHeight="1" thickBot="1" x14ac:dyDescent="0.35">
      <c r="A5" s="1" t="s">
        <v>50</v>
      </c>
      <c r="B5" s="4" t="s">
        <v>147</v>
      </c>
      <c r="C5" s="10" t="s">
        <v>146</v>
      </c>
      <c r="D5" s="5"/>
      <c r="E5" s="6" t="s">
        <v>31</v>
      </c>
      <c r="F5" s="32"/>
    </row>
    <row r="6" spans="1:6" ht="64.2" customHeight="1" thickBot="1" x14ac:dyDescent="0.35">
      <c r="A6" s="1" t="s">
        <v>102</v>
      </c>
      <c r="B6" s="4" t="s">
        <v>148</v>
      </c>
      <c r="C6" s="10" t="s">
        <v>45</v>
      </c>
      <c r="D6" s="5"/>
      <c r="E6" s="6" t="s">
        <v>30</v>
      </c>
      <c r="F6" s="32"/>
    </row>
    <row r="7" spans="1:6" ht="71.400000000000006" customHeight="1" thickBot="1" x14ac:dyDescent="0.35">
      <c r="A7" s="1" t="s">
        <v>103</v>
      </c>
      <c r="B7" s="4" t="s">
        <v>149</v>
      </c>
      <c r="C7" s="10" t="s">
        <v>45</v>
      </c>
      <c r="D7" s="5"/>
      <c r="E7" s="6" t="s">
        <v>32</v>
      </c>
      <c r="F7" s="32"/>
    </row>
    <row r="8" spans="1:6" ht="41.4" customHeight="1" thickBot="1" x14ac:dyDescent="0.35">
      <c r="A8" s="1" t="s">
        <v>104</v>
      </c>
      <c r="B8" s="4" t="s">
        <v>151</v>
      </c>
      <c r="C8" s="10" t="s">
        <v>33</v>
      </c>
      <c r="D8" s="5"/>
      <c r="E8" s="6"/>
      <c r="F8" s="32"/>
    </row>
    <row r="9" spans="1:6" ht="53.4" thickBot="1" x14ac:dyDescent="0.35">
      <c r="A9" s="1" t="s">
        <v>105</v>
      </c>
      <c r="B9" s="4" t="s">
        <v>154</v>
      </c>
      <c r="C9" s="10" t="s">
        <v>150</v>
      </c>
      <c r="D9" s="5"/>
      <c r="E9" s="6" t="s">
        <v>157</v>
      </c>
      <c r="F9" s="32"/>
    </row>
    <row r="10" spans="1:6" ht="27" thickBot="1" x14ac:dyDescent="0.35">
      <c r="A10" s="1" t="s">
        <v>106</v>
      </c>
      <c r="B10" s="4" t="s">
        <v>152</v>
      </c>
      <c r="C10" s="10" t="s">
        <v>33</v>
      </c>
      <c r="D10" s="5"/>
      <c r="E10" s="6"/>
      <c r="F10" s="32"/>
    </row>
    <row r="11" spans="1:6" ht="53.4" thickBot="1" x14ac:dyDescent="0.35">
      <c r="A11" s="1" t="s">
        <v>107</v>
      </c>
      <c r="B11" s="4" t="s">
        <v>155</v>
      </c>
      <c r="C11" s="10" t="s">
        <v>156</v>
      </c>
      <c r="D11" s="5"/>
      <c r="E11" s="6" t="s">
        <v>158</v>
      </c>
      <c r="F11" s="32"/>
    </row>
    <row r="12" spans="1:6" ht="27" thickBot="1" x14ac:dyDescent="0.35">
      <c r="A12" s="1" t="s">
        <v>108</v>
      </c>
      <c r="B12" s="4" t="s">
        <v>153</v>
      </c>
      <c r="C12" s="10" t="s">
        <v>33</v>
      </c>
      <c r="D12" s="5"/>
      <c r="E12" s="6"/>
      <c r="F12" s="32"/>
    </row>
    <row r="13" spans="1:6" ht="15" thickBot="1" x14ac:dyDescent="0.35">
      <c r="A13" s="1"/>
      <c r="B13" s="18" t="s">
        <v>29</v>
      </c>
      <c r="C13" s="19"/>
      <c r="D13" s="20"/>
      <c r="E13" s="24"/>
      <c r="F13" s="32"/>
    </row>
    <row r="14" spans="1:6" ht="15" thickBot="1" x14ac:dyDescent="0.35">
      <c r="A14" s="1"/>
      <c r="B14" s="26" t="s">
        <v>34</v>
      </c>
      <c r="C14" s="28"/>
      <c r="D14" s="29"/>
      <c r="E14" s="27"/>
      <c r="F14" s="32"/>
    </row>
    <row r="15" spans="1:6" ht="27" thickBot="1" x14ac:dyDescent="0.35">
      <c r="A15" s="1" t="s">
        <v>109</v>
      </c>
      <c r="B15" s="4" t="s">
        <v>159</v>
      </c>
      <c r="C15" s="10" t="s">
        <v>160</v>
      </c>
      <c r="D15" s="5"/>
      <c r="E15" s="6"/>
      <c r="F15" s="32"/>
    </row>
    <row r="16" spans="1:6" ht="25.2" customHeight="1" thickBot="1" x14ac:dyDescent="0.35">
      <c r="A16" s="1" t="s">
        <v>110</v>
      </c>
      <c r="B16" s="4" t="s">
        <v>161</v>
      </c>
      <c r="C16" s="10" t="s">
        <v>71</v>
      </c>
      <c r="D16" s="5"/>
      <c r="E16" s="6"/>
      <c r="F16" s="32"/>
    </row>
    <row r="17" spans="1:6" ht="24.6" customHeight="1" thickBot="1" x14ac:dyDescent="0.35">
      <c r="A17" s="1" t="s">
        <v>111</v>
      </c>
      <c r="B17" s="4" t="s">
        <v>162</v>
      </c>
      <c r="C17" s="10" t="s">
        <v>139</v>
      </c>
      <c r="D17" s="5"/>
      <c r="E17" s="6"/>
      <c r="F17" s="32"/>
    </row>
    <row r="18" spans="1:6" ht="27" thickBot="1" x14ac:dyDescent="0.35">
      <c r="A18" s="1" t="s">
        <v>112</v>
      </c>
      <c r="B18" s="4" t="s">
        <v>163</v>
      </c>
      <c r="C18" s="10" t="s">
        <v>139</v>
      </c>
      <c r="D18" s="5"/>
      <c r="E18" s="6"/>
      <c r="F18" s="32"/>
    </row>
    <row r="19" spans="1:6" ht="15" thickBot="1" x14ac:dyDescent="0.35">
      <c r="A19" s="3"/>
      <c r="B19" s="26" t="s">
        <v>35</v>
      </c>
      <c r="C19" s="28"/>
      <c r="D19" s="29"/>
      <c r="E19" s="27"/>
      <c r="F19" s="32"/>
    </row>
    <row r="20" spans="1:6" ht="27" thickBot="1" x14ac:dyDescent="0.35">
      <c r="A20" s="1" t="s">
        <v>113</v>
      </c>
      <c r="B20" s="4" t="s">
        <v>159</v>
      </c>
      <c r="C20" s="10" t="s">
        <v>160</v>
      </c>
      <c r="D20" s="5"/>
      <c r="E20" s="6"/>
      <c r="F20" s="32"/>
    </row>
    <row r="21" spans="1:6" ht="27" thickBot="1" x14ac:dyDescent="0.35">
      <c r="A21" s="1" t="s">
        <v>114</v>
      </c>
      <c r="B21" s="4" t="s">
        <v>161</v>
      </c>
      <c r="C21" s="10" t="s">
        <v>71</v>
      </c>
      <c r="D21" s="5"/>
      <c r="E21" s="6"/>
      <c r="F21" s="32"/>
    </row>
    <row r="22" spans="1:6" ht="23.4" customHeight="1" thickBot="1" x14ac:dyDescent="0.35">
      <c r="A22" s="1" t="s">
        <v>115</v>
      </c>
      <c r="B22" s="4" t="s">
        <v>162</v>
      </c>
      <c r="C22" s="10" t="s">
        <v>139</v>
      </c>
      <c r="D22" s="5"/>
      <c r="E22" s="6"/>
      <c r="F22" s="32"/>
    </row>
    <row r="23" spans="1:6" ht="27" thickBot="1" x14ac:dyDescent="0.35">
      <c r="A23" s="1" t="s">
        <v>116</v>
      </c>
      <c r="B23" s="4" t="s">
        <v>163</v>
      </c>
      <c r="C23" s="10" t="s">
        <v>139</v>
      </c>
      <c r="D23" s="5"/>
      <c r="E23" s="6"/>
      <c r="F23" s="32"/>
    </row>
    <row r="24" spans="1:6" ht="27" thickBot="1" x14ac:dyDescent="0.35">
      <c r="A24" s="1" t="s">
        <v>117</v>
      </c>
      <c r="B24" s="4" t="s">
        <v>164</v>
      </c>
      <c r="C24" s="10" t="s">
        <v>139</v>
      </c>
      <c r="D24" s="5"/>
      <c r="E24" s="6"/>
      <c r="F24" s="32"/>
    </row>
    <row r="25" spans="1:6" ht="15" thickBot="1" x14ac:dyDescent="0.35">
      <c r="A25" s="3"/>
      <c r="B25" s="18" t="s">
        <v>36</v>
      </c>
      <c r="C25" s="19"/>
      <c r="D25" s="20"/>
      <c r="E25" s="24"/>
      <c r="F25" s="32"/>
    </row>
    <row r="26" spans="1:6" ht="111.45" customHeight="1" thickBot="1" x14ac:dyDescent="0.35">
      <c r="A26" s="1" t="s">
        <v>118</v>
      </c>
      <c r="B26" s="4" t="s">
        <v>165</v>
      </c>
      <c r="C26" s="10" t="s">
        <v>166</v>
      </c>
      <c r="D26" s="5"/>
      <c r="E26" s="6"/>
      <c r="F26" s="32"/>
    </row>
    <row r="27" spans="1:6" ht="31.2" customHeight="1" thickBot="1" x14ac:dyDescent="0.35">
      <c r="A27" s="1" t="s">
        <v>119</v>
      </c>
      <c r="B27" s="4" t="s">
        <v>161</v>
      </c>
      <c r="C27" s="10" t="s">
        <v>71</v>
      </c>
      <c r="D27" s="5"/>
      <c r="E27" s="6"/>
      <c r="F27" s="32"/>
    </row>
    <row r="28" spans="1:6" ht="15" thickBot="1" x14ac:dyDescent="0.35">
      <c r="A28" s="1" t="s">
        <v>120</v>
      </c>
      <c r="B28" s="4" t="s">
        <v>162</v>
      </c>
      <c r="C28" s="10" t="s">
        <v>139</v>
      </c>
      <c r="D28" s="5"/>
      <c r="E28" s="6"/>
      <c r="F28" s="32"/>
    </row>
    <row r="29" spans="1:6" ht="27" thickBot="1" x14ac:dyDescent="0.35">
      <c r="A29" s="1" t="s">
        <v>121</v>
      </c>
      <c r="B29" s="4" t="s">
        <v>163</v>
      </c>
      <c r="C29" s="10" t="s">
        <v>139</v>
      </c>
      <c r="D29" s="5"/>
      <c r="E29" s="6"/>
      <c r="F29" s="32"/>
    </row>
    <row r="30" spans="1:6" ht="15" thickBot="1" x14ac:dyDescent="0.35">
      <c r="A30" s="3"/>
      <c r="B30" s="18" t="s">
        <v>37</v>
      </c>
      <c r="C30" s="19"/>
      <c r="D30" s="20"/>
      <c r="E30" s="24"/>
      <c r="F30" s="32"/>
    </row>
    <row r="31" spans="1:6" ht="34.799999999999997" customHeight="1" thickBot="1" x14ac:dyDescent="0.35">
      <c r="A31" s="1" t="s">
        <v>122</v>
      </c>
      <c r="B31" s="4" t="s">
        <v>167</v>
      </c>
      <c r="C31" s="10" t="s">
        <v>166</v>
      </c>
      <c r="D31" s="5"/>
      <c r="E31" s="6"/>
      <c r="F31" s="32"/>
    </row>
    <row r="32" spans="1:6" ht="25.2" customHeight="1" thickBot="1" x14ac:dyDescent="0.35">
      <c r="A32" s="1" t="s">
        <v>123</v>
      </c>
      <c r="B32" s="4" t="s">
        <v>161</v>
      </c>
      <c r="C32" s="10" t="s">
        <v>71</v>
      </c>
      <c r="D32" s="5"/>
      <c r="E32" s="6"/>
      <c r="F32" s="32"/>
    </row>
    <row r="33" spans="1:6" ht="15" thickBot="1" x14ac:dyDescent="0.35">
      <c r="A33" s="1" t="s">
        <v>124</v>
      </c>
      <c r="B33" s="4" t="s">
        <v>162</v>
      </c>
      <c r="C33" s="10" t="s">
        <v>139</v>
      </c>
      <c r="D33" s="5"/>
      <c r="E33" s="6"/>
      <c r="F33" s="32"/>
    </row>
    <row r="34" spans="1:6" ht="27" thickBot="1" x14ac:dyDescent="0.35">
      <c r="A34" s="1" t="s">
        <v>125</v>
      </c>
      <c r="B34" s="4" t="s">
        <v>163</v>
      </c>
      <c r="C34" s="10" t="s">
        <v>139</v>
      </c>
      <c r="D34" s="5"/>
      <c r="E34" s="6"/>
      <c r="F34" s="32"/>
    </row>
    <row r="35" spans="1:6" ht="15" thickBot="1" x14ac:dyDescent="0.35">
      <c r="A35" s="3"/>
      <c r="B35" s="18" t="s">
        <v>138</v>
      </c>
      <c r="C35" s="19"/>
      <c r="D35" s="20"/>
      <c r="E35" s="24"/>
      <c r="F35" s="49"/>
    </row>
    <row r="36" spans="1:6" ht="27" thickBot="1" x14ac:dyDescent="0.35">
      <c r="A36" s="45" t="s">
        <v>126</v>
      </c>
      <c r="B36" s="4" t="s">
        <v>140</v>
      </c>
      <c r="C36" s="5"/>
      <c r="D36" s="6"/>
      <c r="E36" s="10" t="s">
        <v>139</v>
      </c>
      <c r="F36" s="49"/>
    </row>
    <row r="37" spans="1:6" ht="27" thickBot="1" x14ac:dyDescent="0.35">
      <c r="A37" s="45" t="s">
        <v>168</v>
      </c>
      <c r="B37" s="4" t="s">
        <v>141</v>
      </c>
      <c r="C37" s="5"/>
      <c r="D37" s="6"/>
      <c r="E37" s="10" t="s">
        <v>139</v>
      </c>
      <c r="F37" s="49"/>
    </row>
    <row r="38" spans="1:6" ht="15" thickBot="1" x14ac:dyDescent="0.35">
      <c r="A38" s="25" t="s">
        <v>169</v>
      </c>
      <c r="B38" s="14" t="s">
        <v>39</v>
      </c>
      <c r="C38" s="16"/>
      <c r="D38" s="17"/>
      <c r="E38" s="23"/>
      <c r="F38" s="32"/>
    </row>
    <row r="39" spans="1:6" ht="27" thickBot="1" x14ac:dyDescent="0.35">
      <c r="A39" s="1" t="s">
        <v>55</v>
      </c>
      <c r="B39" s="4" t="s">
        <v>41</v>
      </c>
      <c r="C39" s="10" t="s">
        <v>33</v>
      </c>
      <c r="D39" s="5"/>
      <c r="E39" s="6" t="s">
        <v>47</v>
      </c>
      <c r="F39" s="32"/>
    </row>
    <row r="40" spans="1:6" ht="15" thickBot="1" x14ac:dyDescent="0.35">
      <c r="A40" s="1" t="s">
        <v>170</v>
      </c>
      <c r="B40" s="4" t="s">
        <v>42</v>
      </c>
      <c r="C40" s="10" t="s">
        <v>33</v>
      </c>
      <c r="D40" s="5"/>
      <c r="E40" s="6"/>
      <c r="F40" s="32"/>
    </row>
    <row r="50" spans="1:6" x14ac:dyDescent="0.3">
      <c r="A50" s="7"/>
      <c r="F50" s="31"/>
    </row>
    <row r="51" spans="1:6" x14ac:dyDescent="0.3">
      <c r="A51" s="7"/>
    </row>
  </sheetData>
  <phoneticPr fontId="4" type="noConversion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5</vt:i4>
      </vt:variant>
    </vt:vector>
  </HeadingPairs>
  <TitlesOfParts>
    <vt:vector size="5" baseType="lpstr">
      <vt:lpstr>Données Générales</vt:lpstr>
      <vt:lpstr>Diagramme PQ</vt:lpstr>
      <vt:lpstr>Rendement</vt:lpstr>
      <vt:lpstr>Manoeuvres</vt:lpstr>
      <vt:lpstr>Performances systèm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MPAORE Ismaela</dc:creator>
  <cp:lastModifiedBy>BENAVENT Fabien</cp:lastModifiedBy>
  <dcterms:created xsi:type="dcterms:W3CDTF">2022-03-08T13:30:02Z</dcterms:created>
  <dcterms:modified xsi:type="dcterms:W3CDTF">2022-07-19T05:05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2d26f538-337a-4593-a7e6-123667b1a538_Enabled">
    <vt:lpwstr>true</vt:lpwstr>
  </property>
  <property fmtid="{D5CDD505-2E9C-101B-9397-08002B2CF9AE}" pid="3" name="MSIP_Label_2d26f538-337a-4593-a7e6-123667b1a538_SetDate">
    <vt:lpwstr>2022-03-08T13:30:03Z</vt:lpwstr>
  </property>
  <property fmtid="{D5CDD505-2E9C-101B-9397-08002B2CF9AE}" pid="4" name="MSIP_Label_2d26f538-337a-4593-a7e6-123667b1a538_Method">
    <vt:lpwstr>Standard</vt:lpwstr>
  </property>
  <property fmtid="{D5CDD505-2E9C-101B-9397-08002B2CF9AE}" pid="5" name="MSIP_Label_2d26f538-337a-4593-a7e6-123667b1a538_Name">
    <vt:lpwstr>C1 Interne</vt:lpwstr>
  </property>
  <property fmtid="{D5CDD505-2E9C-101B-9397-08002B2CF9AE}" pid="6" name="MSIP_Label_2d26f538-337a-4593-a7e6-123667b1a538_SiteId">
    <vt:lpwstr>e242425b-70fc-44dc-9ddf-c21e304e6c80</vt:lpwstr>
  </property>
  <property fmtid="{D5CDD505-2E9C-101B-9397-08002B2CF9AE}" pid="7" name="MSIP_Label_2d26f538-337a-4593-a7e6-123667b1a538_ActionId">
    <vt:lpwstr>efd05ee4-3c00-4d02-9f3b-dd4e5dba253c</vt:lpwstr>
  </property>
  <property fmtid="{D5CDD505-2E9C-101B-9397-08002B2CF9AE}" pid="8" name="MSIP_Label_2d26f538-337a-4593-a7e6-123667b1a538_ContentBits">
    <vt:lpwstr>0</vt:lpwstr>
  </property>
</Properties>
</file>